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Override1.xml" ContentType="application/vnd.openxmlformats-officedocument.themeOverr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9" r:id="rId2"/>
    <p:sldId id="924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1C7DF"/>
    <a:srgbClr val="F7CF27"/>
    <a:srgbClr val="F3B02B"/>
    <a:srgbClr val="BDD38D"/>
    <a:srgbClr val="6C080A"/>
    <a:srgbClr val="B4C72B"/>
    <a:srgbClr val="BBCE2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E8034E78-7F5D-4C2E-B375-FC64B27BC917}" styleName="Dark Style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dk1">
              <a:tint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dk1">
              <a:tint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dk1">
              <a:tint val="6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D7AC3CCA-C797-4891-BE02-D94E43425B78}" styleName="Medium Style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71" autoAdjust="0"/>
    <p:restoredTop sz="94660"/>
  </p:normalViewPr>
  <p:slideViewPr>
    <p:cSldViewPr snapToGrid="0">
      <p:cViewPr varScale="1">
        <p:scale>
          <a:sx n="82" d="100"/>
          <a:sy n="82" d="100"/>
        </p:scale>
        <p:origin x="720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9D3912-DF53-4F58-89A2-741B06A01C2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FEC2E3C-D7D8-4DE7-8795-F9BD48D824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117BBE-A07E-4254-8B7F-3CA61EA26E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EFFA0A3-25B8-47A8-BC92-01306C4272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3221C76-5986-40E4-8B29-0E0762BB6A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533245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785E6C-E658-479A-892D-2AEC46873B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9303749-32CA-4174-98DC-11F7E8F8A69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C6C43B1-36A3-4727-AF85-5786244BED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2D34C7-117A-478D-83C9-A349591E4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BA2F04A-2C52-44C0-8F06-0DD928B75F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815675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D7A6BB4-91D7-46FC-BB19-F460D38B40F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129792C-DEAE-45C1-926E-3765E70D41A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040EC92-36E7-4E95-8BB3-337A9FFE32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B382B9-D6FB-4DE7-B2CB-952D97780B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C2AE399-1F90-4921-8474-DF9DE36EB8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067975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82EEEF-C97B-4FFB-B4B0-91287EA9A6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BE60020-0D49-4500-9A5B-58F48395B39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A65AAD-19B1-4C3B-84E3-5330B1DC4E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768470A-B29D-4950-A6C3-BD5560DDF7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87FBFB-0E13-4538-AA5F-F30C235EFB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95888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31B335-A825-4E51-8DF1-37CC9E4617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61BA70B-3774-48B4-B9EB-912D308EB3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E05212A-E148-40E7-BBE8-81C38DBEDF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B40049D-A359-4C17-84DA-80CE6463D1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5E3930B-804F-44A5-BA9C-7BCFDE6DB8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356246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4FBC5D-0440-4771-A1B2-CB91C9AD38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7B5770A-03D9-4AA2-8553-21D52C991FE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EDA7B7B-FBB1-4B33-B08E-1A515DC0079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6EBAA8E-CC0D-4143-AB2F-2602572EAB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FFBC2AC-EE2C-4D15-96BA-8A4795CFB2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ADC3AD9-A422-4507-BAD0-295EEC3888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9479482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6AA398-A81A-4517-B545-1FCC6B7A02B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07B526E-F700-4BAC-8A29-83B6911CC8B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2644C40-2869-4E9C-8F21-88B6C79A8D3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3DCA33B-D0E3-4819-85E0-D2C791154E4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9483F19-06AE-4BF9-8DAC-3D8523E0CCC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69822C2-FDF3-4877-9969-EEE3EBAE82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E9C8424-2D37-4017-A8BA-28C2A0277B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2708779-5DD1-449E-B75A-FDC489993B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107502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B9E243-CC84-49DF-A527-5760692288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CADF976-DEA5-493B-BEBE-4388E27DE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0ED3C75-B72E-4DFD-B4F1-283E038441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9EF3D3E-0B9B-4647-B65A-BAE234FF68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308224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6513C69-1A60-494F-95D4-EC2E9DBCD1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10E9EEC-CC0D-4A3E-8F62-5ECA12664C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A50A8FB-C828-4612-89EF-4C115EFE8F5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109302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DEAD7E-BEDF-4DE2-BAA1-91D5B4D0C9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4434507-2218-4A0A-8E23-E0934D59469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5704D4C-02B6-4D47-AB98-EC819A0172F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11C4BB0-7ACF-4DD1-A98F-96B36B08799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578962D-EF3A-4089-BD41-3472FAAED8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AC74250-9DEF-4A15-8A11-2E69B3DEBB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66216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CCED5E-9871-49BD-8253-ED88F3A1B0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E26734A-50CE-4CDD-A72F-F9C3284C526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BAFAF2B-155A-4CE2-84D8-D419E815E01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D7B48AD-FB08-46EC-9173-C3D952A31E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6DF79D9-B229-4522-A7A6-8C5519798F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A56CF6A-74EA-486D-A463-3EEC3B1EF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874059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rgbClr val="FEFEFE"/>
            </a:gs>
            <a:gs pos="100000">
              <a:srgbClr val="F7F7F7"/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63DF1F-4DD0-4BFE-9743-CA950B3157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592F950-88BD-45F2-BD08-27970FCCFEB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D9B3C3-ADE7-4664-98D3-1E7C8FAF413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56D54E0-1A93-4223-92F6-2A71EBCE04C2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984EB4-FE3C-4A79-9099-A6F0D3C45EA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5698FF5-747D-44E7-B407-BF8567F188E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79275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2.xml"/><Relationship Id="rId18" Type="http://schemas.openxmlformats.org/officeDocument/2006/relationships/tags" Target="../tags/tag17.xml"/><Relationship Id="rId26" Type="http://schemas.openxmlformats.org/officeDocument/2006/relationships/tags" Target="../tags/tag25.xml"/><Relationship Id="rId39" Type="http://schemas.openxmlformats.org/officeDocument/2006/relationships/tags" Target="../tags/tag38.xml"/><Relationship Id="rId21" Type="http://schemas.openxmlformats.org/officeDocument/2006/relationships/tags" Target="../tags/tag20.xml"/><Relationship Id="rId34" Type="http://schemas.openxmlformats.org/officeDocument/2006/relationships/tags" Target="../tags/tag33.xml"/><Relationship Id="rId42" Type="http://schemas.openxmlformats.org/officeDocument/2006/relationships/tags" Target="../tags/tag41.xml"/><Relationship Id="rId47" Type="http://schemas.openxmlformats.org/officeDocument/2006/relationships/tags" Target="../tags/tag46.xml"/><Relationship Id="rId50" Type="http://schemas.openxmlformats.org/officeDocument/2006/relationships/tags" Target="../tags/tag49.xml"/><Relationship Id="rId55" Type="http://schemas.openxmlformats.org/officeDocument/2006/relationships/tags" Target="../tags/tag54.xml"/><Relationship Id="rId63" Type="http://schemas.openxmlformats.org/officeDocument/2006/relationships/image" Target="../media/image3.png"/><Relationship Id="rId7" Type="http://schemas.openxmlformats.org/officeDocument/2006/relationships/tags" Target="../tags/tag6.xml"/><Relationship Id="rId2" Type="http://schemas.openxmlformats.org/officeDocument/2006/relationships/tags" Target="../tags/tag1.xml"/><Relationship Id="rId16" Type="http://schemas.openxmlformats.org/officeDocument/2006/relationships/tags" Target="../tags/tag15.xml"/><Relationship Id="rId29" Type="http://schemas.openxmlformats.org/officeDocument/2006/relationships/tags" Target="../tags/tag28.xml"/><Relationship Id="rId11" Type="http://schemas.openxmlformats.org/officeDocument/2006/relationships/tags" Target="../tags/tag10.xml"/><Relationship Id="rId24" Type="http://schemas.openxmlformats.org/officeDocument/2006/relationships/tags" Target="../tags/tag23.xml"/><Relationship Id="rId32" Type="http://schemas.openxmlformats.org/officeDocument/2006/relationships/tags" Target="../tags/tag31.xml"/><Relationship Id="rId37" Type="http://schemas.openxmlformats.org/officeDocument/2006/relationships/tags" Target="../tags/tag36.xml"/><Relationship Id="rId40" Type="http://schemas.openxmlformats.org/officeDocument/2006/relationships/tags" Target="../tags/tag39.xml"/><Relationship Id="rId45" Type="http://schemas.openxmlformats.org/officeDocument/2006/relationships/tags" Target="../tags/tag44.xml"/><Relationship Id="rId53" Type="http://schemas.openxmlformats.org/officeDocument/2006/relationships/tags" Target="../tags/tag52.xml"/><Relationship Id="rId58" Type="http://schemas.openxmlformats.org/officeDocument/2006/relationships/tags" Target="../tags/tag57.xml"/><Relationship Id="rId5" Type="http://schemas.openxmlformats.org/officeDocument/2006/relationships/tags" Target="../tags/tag4.xml"/><Relationship Id="rId61" Type="http://schemas.openxmlformats.org/officeDocument/2006/relationships/tags" Target="../tags/tag60.xml"/><Relationship Id="rId19" Type="http://schemas.openxmlformats.org/officeDocument/2006/relationships/tags" Target="../tags/tag18.xml"/><Relationship Id="rId14" Type="http://schemas.openxmlformats.org/officeDocument/2006/relationships/tags" Target="../tags/tag13.xml"/><Relationship Id="rId22" Type="http://schemas.openxmlformats.org/officeDocument/2006/relationships/tags" Target="../tags/tag21.xml"/><Relationship Id="rId27" Type="http://schemas.openxmlformats.org/officeDocument/2006/relationships/tags" Target="../tags/tag26.xml"/><Relationship Id="rId30" Type="http://schemas.openxmlformats.org/officeDocument/2006/relationships/tags" Target="../tags/tag29.xml"/><Relationship Id="rId35" Type="http://schemas.openxmlformats.org/officeDocument/2006/relationships/tags" Target="../tags/tag34.xml"/><Relationship Id="rId43" Type="http://schemas.openxmlformats.org/officeDocument/2006/relationships/tags" Target="../tags/tag42.xml"/><Relationship Id="rId48" Type="http://schemas.openxmlformats.org/officeDocument/2006/relationships/tags" Target="../tags/tag47.xml"/><Relationship Id="rId56" Type="http://schemas.openxmlformats.org/officeDocument/2006/relationships/tags" Target="../tags/tag55.xml"/><Relationship Id="rId8" Type="http://schemas.openxmlformats.org/officeDocument/2006/relationships/tags" Target="../tags/tag7.xml"/><Relationship Id="rId51" Type="http://schemas.openxmlformats.org/officeDocument/2006/relationships/tags" Target="../tags/tag50.xml"/><Relationship Id="rId3" Type="http://schemas.openxmlformats.org/officeDocument/2006/relationships/tags" Target="../tags/tag2.xml"/><Relationship Id="rId12" Type="http://schemas.openxmlformats.org/officeDocument/2006/relationships/tags" Target="../tags/tag11.xml"/><Relationship Id="rId17" Type="http://schemas.openxmlformats.org/officeDocument/2006/relationships/tags" Target="../tags/tag16.xml"/><Relationship Id="rId25" Type="http://schemas.openxmlformats.org/officeDocument/2006/relationships/tags" Target="../tags/tag24.xml"/><Relationship Id="rId33" Type="http://schemas.openxmlformats.org/officeDocument/2006/relationships/tags" Target="../tags/tag32.xml"/><Relationship Id="rId38" Type="http://schemas.openxmlformats.org/officeDocument/2006/relationships/tags" Target="../tags/tag37.xml"/><Relationship Id="rId46" Type="http://schemas.openxmlformats.org/officeDocument/2006/relationships/tags" Target="../tags/tag45.xml"/><Relationship Id="rId59" Type="http://schemas.openxmlformats.org/officeDocument/2006/relationships/tags" Target="../tags/tag58.xml"/><Relationship Id="rId20" Type="http://schemas.openxmlformats.org/officeDocument/2006/relationships/tags" Target="../tags/tag19.xml"/><Relationship Id="rId41" Type="http://schemas.openxmlformats.org/officeDocument/2006/relationships/tags" Target="../tags/tag40.xml"/><Relationship Id="rId54" Type="http://schemas.openxmlformats.org/officeDocument/2006/relationships/tags" Target="../tags/tag53.xml"/><Relationship Id="rId62" Type="http://schemas.openxmlformats.org/officeDocument/2006/relationships/slideLayout" Target="../slideLayouts/slideLayout1.xml"/><Relationship Id="rId1" Type="http://schemas.openxmlformats.org/officeDocument/2006/relationships/themeOverride" Target="../theme/themeOverride1.xml"/><Relationship Id="rId6" Type="http://schemas.openxmlformats.org/officeDocument/2006/relationships/tags" Target="../tags/tag5.xml"/><Relationship Id="rId15" Type="http://schemas.openxmlformats.org/officeDocument/2006/relationships/tags" Target="../tags/tag14.xml"/><Relationship Id="rId23" Type="http://schemas.openxmlformats.org/officeDocument/2006/relationships/tags" Target="../tags/tag22.xml"/><Relationship Id="rId28" Type="http://schemas.openxmlformats.org/officeDocument/2006/relationships/tags" Target="../tags/tag27.xml"/><Relationship Id="rId36" Type="http://schemas.openxmlformats.org/officeDocument/2006/relationships/tags" Target="../tags/tag35.xml"/><Relationship Id="rId49" Type="http://schemas.openxmlformats.org/officeDocument/2006/relationships/tags" Target="../tags/tag48.xml"/><Relationship Id="rId57" Type="http://schemas.openxmlformats.org/officeDocument/2006/relationships/tags" Target="../tags/tag56.xml"/><Relationship Id="rId10" Type="http://schemas.openxmlformats.org/officeDocument/2006/relationships/tags" Target="../tags/tag9.xml"/><Relationship Id="rId31" Type="http://schemas.openxmlformats.org/officeDocument/2006/relationships/tags" Target="../tags/tag30.xml"/><Relationship Id="rId44" Type="http://schemas.openxmlformats.org/officeDocument/2006/relationships/tags" Target="../tags/tag43.xml"/><Relationship Id="rId52" Type="http://schemas.openxmlformats.org/officeDocument/2006/relationships/tags" Target="../tags/tag51.xml"/><Relationship Id="rId60" Type="http://schemas.openxmlformats.org/officeDocument/2006/relationships/tags" Target="../tags/tag59.xml"/><Relationship Id="rId4" Type="http://schemas.openxmlformats.org/officeDocument/2006/relationships/tags" Target="../tags/tag3.xml"/><Relationship Id="rId9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5137561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5" name="OTLSHAPE_M_c14a2ad5efcf40d9877bc739c8398115_Connector1">
            <a:extLst>
              <a:ext uri="{FF2B5EF4-FFF2-40B4-BE49-F238E27FC236}">
                <a16:creationId xmlns:a16="http://schemas.microsoft.com/office/drawing/2014/main" id="{92CF12CD-8A7D-4EEA-9ECF-8082904F0120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796858" y="2268769"/>
            <a:ext cx="0" cy="1846031"/>
          </a:xfrm>
          <a:prstGeom prst="line">
            <a:avLst/>
          </a:prstGeom>
          <a:ln w="9525" cap="flat" cmpd="sng" algn="ctr">
            <a:solidFill>
              <a:schemeClr val="tx2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1bd40ae8821c4ba98f5254e153d89d9a_Connector1">
            <a:extLst>
              <a:ext uri="{FF2B5EF4-FFF2-40B4-BE49-F238E27FC236}">
                <a16:creationId xmlns:a16="http://schemas.microsoft.com/office/drawing/2014/main" id="{FDE3AFC6-C29F-433C-A3EB-0D18B8F11A9E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641136" y="2839580"/>
            <a:ext cx="0" cy="1275220"/>
          </a:xfrm>
          <a:prstGeom prst="line">
            <a:avLst/>
          </a:prstGeom>
          <a:ln w="9525" cap="flat" cmpd="sng" algn="ctr">
            <a:solidFill>
              <a:schemeClr val="tx2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5176ca1f0db14316aa5ff79abfd3a1d9_Connector1">
            <a:extLst>
              <a:ext uri="{FF2B5EF4-FFF2-40B4-BE49-F238E27FC236}">
                <a16:creationId xmlns:a16="http://schemas.microsoft.com/office/drawing/2014/main" id="{CC1BA933-D958-4797-8129-DCCA182838A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3485415" y="3137979"/>
            <a:ext cx="0" cy="976821"/>
          </a:xfrm>
          <a:prstGeom prst="line">
            <a:avLst/>
          </a:prstGeom>
          <a:ln w="9525" cap="flat" cmpd="sng" algn="ctr">
            <a:solidFill>
              <a:schemeClr val="tx2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720bbd048fea46858514f594224b0ba9_LeftVerticalConnector1">
            <a:extLst>
              <a:ext uri="{FF2B5EF4-FFF2-40B4-BE49-F238E27FC236}">
                <a16:creationId xmlns:a16="http://schemas.microsoft.com/office/drawing/2014/main" id="{BB7727A9-1FA9-4F49-8DD2-0A3A65147714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030657" y="44958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720bbd048fea46858514f594224b0ba9_LeftVerticalConnector2">
            <a:extLst>
              <a:ext uri="{FF2B5EF4-FFF2-40B4-BE49-F238E27FC236}">
                <a16:creationId xmlns:a16="http://schemas.microsoft.com/office/drawing/2014/main" id="{80860748-E2B5-4981-9E4E-4928F09EE868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030657" y="5072719"/>
            <a:ext cx="0" cy="437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720bbd048fea46858514f594224b0ba9_RightVerticalConnector1">
            <a:extLst>
              <a:ext uri="{FF2B5EF4-FFF2-40B4-BE49-F238E27FC236}">
                <a16:creationId xmlns:a16="http://schemas.microsoft.com/office/drawing/2014/main" id="{B0DE44DC-868B-415B-8ABF-E3279F33638C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407771" y="4495800"/>
            <a:ext cx="0" cy="7039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58acddb91b114cd59aeea6fade8d274d_LeftVerticalConnector1">
            <a:extLst>
              <a:ext uri="{FF2B5EF4-FFF2-40B4-BE49-F238E27FC236}">
                <a16:creationId xmlns:a16="http://schemas.microsoft.com/office/drawing/2014/main" id="{91D2CAE4-6614-4642-AFA8-1352D458476E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7362745" y="4495800"/>
            <a:ext cx="0" cy="8744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58acddb91b114cd59aeea6fade8d274d_RightVerticalConnector1">
            <a:extLst>
              <a:ext uri="{FF2B5EF4-FFF2-40B4-BE49-F238E27FC236}">
                <a16:creationId xmlns:a16="http://schemas.microsoft.com/office/drawing/2014/main" id="{067614BB-9EAF-497C-92B0-519D25BD4556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 flipV="1">
            <a:off x="11161998" y="4495799"/>
            <a:ext cx="0" cy="146405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M_95db79aa92f54fada3a0c579f351c8a2_Connector1">
            <a:extLst>
              <a:ext uri="{FF2B5EF4-FFF2-40B4-BE49-F238E27FC236}">
                <a16:creationId xmlns:a16="http://schemas.microsoft.com/office/drawing/2014/main" id="{928E0D46-1F2B-4790-A1AF-3527B3FD0B27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303425" y="2511974"/>
            <a:ext cx="0" cy="1602826"/>
          </a:xfrm>
          <a:prstGeom prst="line">
            <a:avLst/>
          </a:prstGeom>
          <a:ln w="9525" cap="flat" cmpd="sng" algn="ctr">
            <a:solidFill>
              <a:schemeClr val="tx2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T_720bbd048fea46858514f594224b0ba9_RightVerticalConnector2">
            <a:extLst>
              <a:ext uri="{FF2B5EF4-FFF2-40B4-BE49-F238E27FC236}">
                <a16:creationId xmlns:a16="http://schemas.microsoft.com/office/drawing/2014/main" id="{466B6047-5BFB-4CEE-8CBB-514B6E5CED70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407771" y="5370237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58acddb91b114cd59aeea6fade8d274d_LeftVerticalConnector2">
            <a:extLst>
              <a:ext uri="{FF2B5EF4-FFF2-40B4-BE49-F238E27FC236}">
                <a16:creationId xmlns:a16="http://schemas.microsoft.com/office/drawing/2014/main" id="{DB8D0A0E-FE9E-492D-A796-9A3CC8A9F902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362745" y="5649637"/>
            <a:ext cx="0" cy="310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EDD4C35-A08D-4F8C-9971-89BC7D1EEB7B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29250" y="4114800"/>
            <a:ext cx="101346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4AF5377-620B-418A-AB2B-5D4D7F32FC1D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094157" y="4212272"/>
            <a:ext cx="419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Hour 1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F94F07B5-81FA-42A0-8A9E-928EB93A3140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6159827" y="4212272"/>
            <a:ext cx="785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2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E57870E-AC2B-49FC-B5E3-753591956630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094921" y="41148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">
            <a:extLst>
              <a:ext uri="{FF2B5EF4-FFF2-40B4-BE49-F238E27FC236}">
                <a16:creationId xmlns:a16="http://schemas.microsoft.com/office/drawing/2014/main" id="{31E3F818-9227-4D98-A5A6-7C3FB89B48AB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562789" y="4114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Below1">
            <a:extLst>
              <a:ext uri="{FF2B5EF4-FFF2-40B4-BE49-F238E27FC236}">
                <a16:creationId xmlns:a16="http://schemas.microsoft.com/office/drawing/2014/main" id="{DE58115D-C947-4575-A1C5-5A179331D8A7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3562789" y="4448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MinorTickMarkAbove2">
            <a:extLst>
              <a:ext uri="{FF2B5EF4-FFF2-40B4-BE49-F238E27FC236}">
                <a16:creationId xmlns:a16="http://schemas.microsoft.com/office/drawing/2014/main" id="{FEE66129-3112-4A71-94C5-A300EE21B0B7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629162" y="4114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Below2">
            <a:extLst>
              <a:ext uri="{FF2B5EF4-FFF2-40B4-BE49-F238E27FC236}">
                <a16:creationId xmlns:a16="http://schemas.microsoft.com/office/drawing/2014/main" id="{FDE2FE7A-58FF-40F8-BCE9-D544B36D3759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8629162" y="4448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" name="OTLSHAPE_T_95b44cc691c34ef9b0a66c6f29b1ccf7_Shape">
            <a:extLst>
              <a:ext uri="{FF2B5EF4-FFF2-40B4-BE49-F238E27FC236}">
                <a16:creationId xmlns:a16="http://schemas.microsoft.com/office/drawing/2014/main" id="{B769F26C-70C2-4673-BC82-1307A4F7A3D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030657" y="4869519"/>
            <a:ext cx="7620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61" name="OTLSHAPE_T_0442cd2d852a4afdb1bac779fafd435f_Shape">
            <a:extLst>
              <a:ext uri="{FF2B5EF4-FFF2-40B4-BE49-F238E27FC236}">
                <a16:creationId xmlns:a16="http://schemas.microsoft.com/office/drawing/2014/main" id="{D5827D73-FEB9-4532-B3A8-1F5147D241F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634786" y="4869519"/>
            <a:ext cx="850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69" name="OTLSHAPE_T_f9efd01d73f8401fac962ceee616c558_Shape">
            <a:extLst>
              <a:ext uri="{FF2B5EF4-FFF2-40B4-BE49-F238E27FC236}">
                <a16:creationId xmlns:a16="http://schemas.microsoft.com/office/drawing/2014/main" id="{C6D06620-A782-4A25-85FA-444EF8BB936A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479065" y="4869519"/>
            <a:ext cx="939800" cy="2032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77" name="OTLSHAPE_T_720bbd048fea46858514f594224b0ba9_Shape">
            <a:extLst>
              <a:ext uri="{FF2B5EF4-FFF2-40B4-BE49-F238E27FC236}">
                <a16:creationId xmlns:a16="http://schemas.microsoft.com/office/drawing/2014/main" id="{3F66DD53-EFF6-4F1D-BF2F-151120BD5791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030657" y="5370237"/>
            <a:ext cx="33782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85" name="OTLSHAPE_T_a890d753723c4ffbad8ce6d01518ffd5_Shape">
            <a:extLst>
              <a:ext uri="{FF2B5EF4-FFF2-40B4-BE49-F238E27FC236}">
                <a16:creationId xmlns:a16="http://schemas.microsoft.com/office/drawing/2014/main" id="{20E16ADB-9DD0-4863-BF0F-E21CB30FEF1D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407771" y="5370237"/>
            <a:ext cx="29591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49" name="OTLSHAPE_T_58acddb91b114cd59aeea6fade8d274d_Shape">
            <a:extLst>
              <a:ext uri="{FF2B5EF4-FFF2-40B4-BE49-F238E27FC236}">
                <a16:creationId xmlns:a16="http://schemas.microsoft.com/office/drawing/2014/main" id="{4249637A-B55D-462E-A19B-EADF1F03C3D0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7362745" y="5858256"/>
            <a:ext cx="3810000" cy="203200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T_bb78e811a1e94870aeb96b006fc30001_Shape">
            <a:extLst>
              <a:ext uri="{FF2B5EF4-FFF2-40B4-BE49-F238E27FC236}">
                <a16:creationId xmlns:a16="http://schemas.microsoft.com/office/drawing/2014/main" id="{0587A0D9-1209-428F-85DB-806C2E0517F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790508" y="4869519"/>
            <a:ext cx="850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95b44cc691c34ef9b0a66c6f29b1ccf7_Duration">
            <a:extLst>
              <a:ext uri="{FF2B5EF4-FFF2-40B4-BE49-F238E27FC236}">
                <a16:creationId xmlns:a16="http://schemas.microsoft.com/office/drawing/2014/main" id="{DFB043D7-4A08-45A7-A35B-B14689242EAF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38053" y="489360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9 mins</a:t>
            </a:r>
            <a:endParaRPr kumimoji="0" lang="en-US" sz="1000" b="0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60" name="OTLSHAPE_T_95b44cc691c34ef9b0a66c6f29b1ccf7_Title">
            <a:extLst>
              <a:ext uri="{FF2B5EF4-FFF2-40B4-BE49-F238E27FC236}">
                <a16:creationId xmlns:a16="http://schemas.microsoft.com/office/drawing/2014/main" id="{CDD0A4EF-6921-4C17-AA27-CD78F2091DC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030657" y="469900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Detection</a:t>
            </a:r>
          </a:p>
        </p:txBody>
      </p:sp>
      <p:sp>
        <p:nvSpPr>
          <p:cNvPr id="63" name="OTLSHAPE_T_0442cd2d852a4afdb1bac779fafd435f_Duration">
            <a:extLst>
              <a:ext uri="{FF2B5EF4-FFF2-40B4-BE49-F238E27FC236}">
                <a16:creationId xmlns:a16="http://schemas.microsoft.com/office/drawing/2014/main" id="{A446938D-8513-4660-9D1C-D995B57F8B2E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856604" y="4893606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10 mins</a:t>
            </a:r>
          </a:p>
        </p:txBody>
      </p:sp>
      <p:sp>
        <p:nvSpPr>
          <p:cNvPr id="68" name="OTLSHAPE_T_0442cd2d852a4afdb1bac779fafd435f_Title">
            <a:extLst>
              <a:ext uri="{FF2B5EF4-FFF2-40B4-BE49-F238E27FC236}">
                <a16:creationId xmlns:a16="http://schemas.microsoft.com/office/drawing/2014/main" id="{765D476B-51F3-44DB-9F2E-3603A451E9FF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634786" y="4699000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sponse</a:t>
            </a:r>
          </a:p>
        </p:txBody>
      </p:sp>
      <p:sp>
        <p:nvSpPr>
          <p:cNvPr id="71" name="OTLSHAPE_T_f9efd01d73f8401fac962ceee616c558_Duration">
            <a:extLst>
              <a:ext uri="{FF2B5EF4-FFF2-40B4-BE49-F238E27FC236}">
                <a16:creationId xmlns:a16="http://schemas.microsoft.com/office/drawing/2014/main" id="{BB51EC2E-1090-4345-B50B-A4BF8A0F3671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747245" y="489360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11 mins</a:t>
            </a:r>
            <a:endParaRPr kumimoji="0" lang="en-US" sz="1000" b="0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76" name="OTLSHAPE_T_f9efd01d73f8401fac962ceee616c558_Title">
            <a:extLst>
              <a:ext uri="{FF2B5EF4-FFF2-40B4-BE49-F238E27FC236}">
                <a16:creationId xmlns:a16="http://schemas.microsoft.com/office/drawing/2014/main" id="{4CF4772D-7575-469F-8328-390F6E0B9962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3479065" y="4699000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medy</a:t>
            </a:r>
          </a:p>
        </p:txBody>
      </p:sp>
      <p:sp>
        <p:nvSpPr>
          <p:cNvPr id="83" name="OTLSHAPE_T_720bbd048fea46858514f594224b0ba9_Title">
            <a:extLst>
              <a:ext uri="{FF2B5EF4-FFF2-40B4-BE49-F238E27FC236}">
                <a16:creationId xmlns:a16="http://schemas.microsoft.com/office/drawing/2014/main" id="{F1D663B5-EB70-413C-A479-4BE477AB2D5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030657" y="5199719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Incident Duration Total</a:t>
            </a:r>
          </a:p>
        </p:txBody>
      </p:sp>
      <p:sp>
        <p:nvSpPr>
          <p:cNvPr id="84" name="OTLSHAPE_T_720bbd048fea46858514f594224b0ba9_Duration">
            <a:extLst>
              <a:ext uri="{FF2B5EF4-FFF2-40B4-BE49-F238E27FC236}">
                <a16:creationId xmlns:a16="http://schemas.microsoft.com/office/drawing/2014/main" id="{744D99AF-B6BE-4B0E-805E-7988201FF8F5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514554" y="543242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40 mins</a:t>
            </a:r>
            <a:endParaRPr kumimoji="0" lang="en-US" sz="1000" b="0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91" name="OTLSHAPE_T_a890d753723c4ffbad8ce6d01518ffd5_Title">
            <a:extLst>
              <a:ext uri="{FF2B5EF4-FFF2-40B4-BE49-F238E27FC236}">
                <a16:creationId xmlns:a16="http://schemas.microsoft.com/office/drawing/2014/main" id="{7A64D3BD-A314-465C-9FD9-CCD38D53591B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4407771" y="5199719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medy Validation</a:t>
            </a:r>
          </a:p>
        </p:txBody>
      </p:sp>
      <p:sp>
        <p:nvSpPr>
          <p:cNvPr id="92" name="OTLSHAPE_T_a890d753723c4ffbad8ce6d01518ffd5_Duration">
            <a:extLst>
              <a:ext uri="{FF2B5EF4-FFF2-40B4-BE49-F238E27FC236}">
                <a16:creationId xmlns:a16="http://schemas.microsoft.com/office/drawing/2014/main" id="{BD9DA4CD-F4B0-4512-91AF-D516240DD547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5686778" y="5432425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35 mins</a:t>
            </a:r>
            <a:endParaRPr kumimoji="0" lang="en-US" sz="1000" b="0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99" name="OTLSHAPE_T_58acddb91b114cd59aeea6fade8d274d_Title">
            <a:extLst>
              <a:ext uri="{FF2B5EF4-FFF2-40B4-BE49-F238E27FC236}">
                <a16:creationId xmlns:a16="http://schemas.microsoft.com/office/drawing/2014/main" id="{383A78CF-94EF-42B8-A7B0-F1B08A43B698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7362745" y="5687737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turn to Normal Flow</a:t>
            </a:r>
          </a:p>
        </p:txBody>
      </p:sp>
      <p:sp>
        <p:nvSpPr>
          <p:cNvPr id="28" name="OTLSHAPE_T_bb78e811a1e94870aeb96b006fc30001_Title">
            <a:extLst>
              <a:ext uri="{FF2B5EF4-FFF2-40B4-BE49-F238E27FC236}">
                <a16:creationId xmlns:a16="http://schemas.microsoft.com/office/drawing/2014/main" id="{373C9476-6F7E-4470-BBE1-CBAE33D9F0E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790508" y="469900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orbel" panose="020B0503020204020204" pitchFamily="34" charset="0"/>
              </a:rPr>
              <a:t>Verification</a:t>
            </a:r>
          </a:p>
        </p:txBody>
      </p:sp>
      <p:sp>
        <p:nvSpPr>
          <p:cNvPr id="30" name="OTLSHAPE_T_bb78e811a1e94870aeb96b006fc30001_Duration">
            <a:extLst>
              <a:ext uri="{FF2B5EF4-FFF2-40B4-BE49-F238E27FC236}">
                <a16:creationId xmlns:a16="http://schemas.microsoft.com/office/drawing/2014/main" id="{00D79149-8985-4A2E-84EB-EA6305A9EE02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010442" y="4893606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lt1"/>
                </a:solidFill>
                <a:latin typeface="Calibri" panose="020F0502020204030204" pitchFamily="34" charset="0"/>
              </a:rPr>
              <a:t>10 mins</a:t>
            </a:r>
            <a:endParaRPr lang="en-US" sz="10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M_858d968e6fe9448cbd4c72bd95a735bf_Shape">
            <a:extLst>
              <a:ext uri="{FF2B5EF4-FFF2-40B4-BE49-F238E27FC236}">
                <a16:creationId xmlns:a16="http://schemas.microsoft.com/office/drawing/2014/main" id="{941BD0CD-5A9D-4194-8236-CB0D3FEF139D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16357" y="3924300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52" name="OTLSHAPE_M_dbafd5dbb2a44dc0ab7810132ef33fff_Shape">
            <a:extLst>
              <a:ext uri="{FF2B5EF4-FFF2-40B4-BE49-F238E27FC236}">
                <a16:creationId xmlns:a16="http://schemas.microsoft.com/office/drawing/2014/main" id="{8C9536A3-677D-4F7D-86B7-B619F1B146B3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7248445" y="3924300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129" name="OTLSHAPE_M_c14a2ad5efcf40d9877bc739c8398115_Shape">
            <a:extLst>
              <a:ext uri="{FF2B5EF4-FFF2-40B4-BE49-F238E27FC236}">
                <a16:creationId xmlns:a16="http://schemas.microsoft.com/office/drawing/2014/main" id="{ABCCD103-1B18-4E85-8168-40533FF9D521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822258" y="2268769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M_1bd40ae8821c4ba98f5254e153d89d9a_Shape">
            <a:extLst>
              <a:ext uri="{FF2B5EF4-FFF2-40B4-BE49-F238E27FC236}">
                <a16:creationId xmlns:a16="http://schemas.microsoft.com/office/drawing/2014/main" id="{D394D02E-FD7E-4394-B77E-1C757EF6C809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666536" y="2839580"/>
            <a:ext cx="165100" cy="165100"/>
          </a:xfrm>
          <a:prstGeom prst="wav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M_95db79aa92f54fada3a0c579f351c8a2_Shape">
            <a:extLst>
              <a:ext uri="{FF2B5EF4-FFF2-40B4-BE49-F238E27FC236}">
                <a16:creationId xmlns:a16="http://schemas.microsoft.com/office/drawing/2014/main" id="{1ACD7ED7-7447-41B1-BF3C-AD99F7610B82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328825" y="2501300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M_5176ca1f0db14316aa5ff79abfd3a1d9_Shape">
            <a:extLst>
              <a:ext uri="{FF2B5EF4-FFF2-40B4-BE49-F238E27FC236}">
                <a16:creationId xmlns:a16="http://schemas.microsoft.com/office/drawing/2014/main" id="{9AA4AF24-0E9F-4E34-A178-5B83C3E10584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510815" y="3137979"/>
            <a:ext cx="165100" cy="165100"/>
          </a:xfrm>
          <a:prstGeom prst="wav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M_42d96699741a4f7b9bbfd520636f45b1_Shape">
            <a:extLst>
              <a:ext uri="{FF2B5EF4-FFF2-40B4-BE49-F238E27FC236}">
                <a16:creationId xmlns:a16="http://schemas.microsoft.com/office/drawing/2014/main" id="{535241DD-9568-4B52-A6A5-E0AAA834154C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293471" y="3924300"/>
            <a:ext cx="228600" cy="2540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M_69f2a51e6d9f436a850a2ac4b0c39439_Shape">
            <a:extLst>
              <a:ext uri="{FF2B5EF4-FFF2-40B4-BE49-F238E27FC236}">
                <a16:creationId xmlns:a16="http://schemas.microsoft.com/office/drawing/2014/main" id="{99FA4198-9C4D-45C8-BD5D-5BD0478018A1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9190286" y="3924300"/>
            <a:ext cx="228600" cy="254000"/>
          </a:xfrm>
          <a:prstGeom prst="star8">
            <a:avLst/>
          </a:prstGeom>
          <a:solidFill>
            <a:srgbClr val="BBCE2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M_fcf21e885b8547f48178dda0ecb5b1f2_Shape">
            <a:extLst>
              <a:ext uri="{FF2B5EF4-FFF2-40B4-BE49-F238E27FC236}">
                <a16:creationId xmlns:a16="http://schemas.microsoft.com/office/drawing/2014/main" id="{B51BF1F1-CE4C-4408-BCCC-D3101076F59E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1047698" y="3924300"/>
            <a:ext cx="228600" cy="254000"/>
          </a:xfrm>
          <a:prstGeom prst="star8">
            <a:avLst/>
          </a:prstGeom>
          <a:solidFill>
            <a:srgbClr val="BBCE2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M_858d968e6fe9448cbd4c72bd95a735bf_Title">
            <a:extLst>
              <a:ext uri="{FF2B5EF4-FFF2-40B4-BE49-F238E27FC236}">
                <a16:creationId xmlns:a16="http://schemas.microsoft.com/office/drawing/2014/main" id="{F6CBA1FB-83CA-4A7B-BADE-B468A2B897B4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45898" y="3712845"/>
            <a:ext cx="97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Incident Occurs</a:t>
            </a:r>
          </a:p>
        </p:txBody>
      </p:sp>
      <p:sp>
        <p:nvSpPr>
          <p:cNvPr id="35" name="OTLSHAPE_M_c14a2ad5efcf40d9877bc739c8398115_Title">
            <a:extLst>
              <a:ext uri="{FF2B5EF4-FFF2-40B4-BE49-F238E27FC236}">
                <a16:creationId xmlns:a16="http://schemas.microsoft.com/office/drawing/2014/main" id="{13816AB0-488D-4AE8-B83E-3B89226F0218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 flipH="1">
            <a:off x="2019108" y="2139864"/>
            <a:ext cx="546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Incident Report</a:t>
            </a:r>
          </a:p>
        </p:txBody>
      </p:sp>
      <p:sp>
        <p:nvSpPr>
          <p:cNvPr id="38" name="OTLSHAPE_M_95db79aa92f54fada3a0c579f351c8a2_Title">
            <a:extLst>
              <a:ext uri="{FF2B5EF4-FFF2-40B4-BE49-F238E27FC236}">
                <a16:creationId xmlns:a16="http://schemas.microsoft.com/office/drawing/2014/main" id="{345A3475-0557-45DE-B362-854B3DD4A3F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 flipH="1">
            <a:off x="2525675" y="2465423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Incident Verified</a:t>
            </a:r>
          </a:p>
        </p:txBody>
      </p:sp>
      <p:sp>
        <p:nvSpPr>
          <p:cNvPr id="41" name="OTLSHAPE_M_1bd40ae8821c4ba98f5254e153d89d9a_Title">
            <a:extLst>
              <a:ext uri="{FF2B5EF4-FFF2-40B4-BE49-F238E27FC236}">
                <a16:creationId xmlns:a16="http://schemas.microsoft.com/office/drawing/2014/main" id="{C91A8DCF-2EFC-40F8-8ED1-2E504E473A1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863386" y="2803703"/>
            <a:ext cx="2120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sponse Identified &amp; Dispatched</a:t>
            </a:r>
          </a:p>
        </p:txBody>
      </p:sp>
      <p:sp>
        <p:nvSpPr>
          <p:cNvPr id="44" name="OTLSHAPE_M_5176ca1f0db14316aa5ff79abfd3a1d9_Title">
            <a:extLst>
              <a:ext uri="{FF2B5EF4-FFF2-40B4-BE49-F238E27FC236}">
                <a16:creationId xmlns:a16="http://schemas.microsoft.com/office/drawing/2014/main" id="{88083BEA-5613-4E66-A4C8-A125B516C99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 flipH="1">
            <a:off x="3707665" y="3102102"/>
            <a:ext cx="1079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sponse Arrives</a:t>
            </a:r>
          </a:p>
        </p:txBody>
      </p:sp>
      <p:sp>
        <p:nvSpPr>
          <p:cNvPr id="47" name="OTLSHAPE_M_42d96699741a4f7b9bbfd520636f45b1_Title">
            <a:extLst>
              <a:ext uri="{FF2B5EF4-FFF2-40B4-BE49-F238E27FC236}">
                <a16:creationId xmlns:a16="http://schemas.microsoft.com/office/drawing/2014/main" id="{FE6A9CA0-EB89-4F53-B7C1-A37649851580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898099" y="3712845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Incident Cleared</a:t>
            </a:r>
          </a:p>
        </p:txBody>
      </p:sp>
      <p:sp>
        <p:nvSpPr>
          <p:cNvPr id="50" name="OTLSHAPE_M_dbafd5dbb2a44dc0ab7810132ef33fff_Title">
            <a:extLst>
              <a:ext uri="{FF2B5EF4-FFF2-40B4-BE49-F238E27FC236}">
                <a16:creationId xmlns:a16="http://schemas.microsoft.com/office/drawing/2014/main" id="{9432981C-72D3-464A-85CC-93B0FD4AE994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742075" y="3712845"/>
            <a:ext cx="124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Operations Resume</a:t>
            </a:r>
          </a:p>
        </p:txBody>
      </p:sp>
      <p:sp>
        <p:nvSpPr>
          <p:cNvPr id="103" name="OTLSHAPE_M_69f2a51e6d9f436a850a2ac4b0c39439_Title">
            <a:extLst>
              <a:ext uri="{FF2B5EF4-FFF2-40B4-BE49-F238E27FC236}">
                <a16:creationId xmlns:a16="http://schemas.microsoft.com/office/drawing/2014/main" id="{BF4A0A12-9A87-49A4-9637-B83BEB18098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8896132" y="3712845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orbel" panose="020B0503020204020204" pitchFamily="34" charset="0"/>
              </a:rPr>
              <a:t>Health check</a:t>
            </a:r>
          </a:p>
        </p:txBody>
      </p:sp>
      <p:sp>
        <p:nvSpPr>
          <p:cNvPr id="116" name="OTLSHAPE_M_fcf21e885b8547f48178dda0ecb5b1f2_Title">
            <a:extLst>
              <a:ext uri="{FF2B5EF4-FFF2-40B4-BE49-F238E27FC236}">
                <a16:creationId xmlns:a16="http://schemas.microsoft.com/office/drawing/2014/main" id="{348FF0D3-314B-416E-9B08-751AB416751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0753544" y="3712845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orbel" panose="020B0503020204020204" pitchFamily="34" charset="0"/>
              </a:rPr>
              <a:t>Health check</a:t>
            </a:r>
          </a:p>
        </p:txBody>
      </p:sp>
      <p:sp>
        <p:nvSpPr>
          <p:cNvPr id="125" name="TextBox 124">
            <a:extLst>
              <a:ext uri="{FF2B5EF4-FFF2-40B4-BE49-F238E27FC236}">
                <a16:creationId xmlns:a16="http://schemas.microsoft.com/office/drawing/2014/main" id="{6DEEA94F-4984-4581-B866-15352E5512A8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397205" y="422377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Incident Response Timeline</a:t>
            </a:r>
          </a:p>
        </p:txBody>
      </p:sp>
      <p:sp>
        <p:nvSpPr>
          <p:cNvPr id="126" name="TextBox 125">
            <a:extLst>
              <a:ext uri="{FF2B5EF4-FFF2-40B4-BE49-F238E27FC236}">
                <a16:creationId xmlns:a16="http://schemas.microsoft.com/office/drawing/2014/main" id="{9B9E2B5A-4A64-45B1-B4B0-76C474510FA7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529723" y="963513"/>
            <a:ext cx="713255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defRPr/>
            </a:pPr>
            <a:r>
              <a:rPr lang="en-US" sz="2000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Average response from detection to remedy</a:t>
            </a:r>
          </a:p>
        </p:txBody>
      </p:sp>
      <p:pic>
        <p:nvPicPr>
          <p:cNvPr id="97" name="Picture 96" descr="Icon&#10;&#10;Description automatically generated">
            <a:extLst>
              <a:ext uri="{FF2B5EF4-FFF2-40B4-BE49-F238E27FC236}">
                <a16:creationId xmlns:a16="http://schemas.microsoft.com/office/drawing/2014/main" id="{85FA64BE-AEB3-F7AA-A308-C149D977819A}"/>
              </a:ext>
            </a:extLst>
          </p:cNvPr>
          <p:cNvPicPr>
            <a:picLocks noChangeAspect="1"/>
          </p:cNvPicPr>
          <p:nvPr/>
        </p:nvPicPr>
        <p:blipFill>
          <a:blip r:embed="rId6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793975" y="4900904"/>
            <a:ext cx="2180139" cy="300353"/>
          </a:xfrm>
          <a:prstGeom prst="rect">
            <a:avLst/>
          </a:prstGeom>
        </p:spPr>
      </p:pic>
    </p:spTree>
    <p:custDataLst>
      <p:tags r:id="rId2"/>
    </p:custDataLst>
    <p:extLst>
      <p:ext uri="{BB962C8B-B14F-4D97-AF65-F5344CB8AC3E}">
        <p14:creationId xmlns:p14="http://schemas.microsoft.com/office/powerpoint/2010/main" val="39924085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My4yMC4wNC4wMCIsIkVkaXRpb24iOiJQcm8iLCJMYXN0U2F2ZWRFZGl0aW9uIjozLCJJc1BsdXNFZGl0aW9uIjp0cnVlLCJJc1Byb0VkaXRpb24iOnRydWV9LCJFZmZlY3QiOjA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1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aWQiOiIxNTUiLCJBIjo4OSwiUiI6MCwiRyI6MCwiQiI6MH19LCJJc1Zpc2libGUiOnRydWUsIldpZHRoIjowLjAsIkhlaWdodCI6MC4wLCJCb3JkZXJTdHlsZSI6bnVsbCwiUGFyZW50U3R5bGUiOm51bGx9LCJEdXJhdGlvblN0eWxlIjp7IiRpZCI6IjE1NiIsIkZvbnRTZXR0aW5ncyI6eyIkaWQiOiIxNTciLCJGb250U2l6ZSI6MTAsIkZvbnROYW1lIjoiQ29yYmVsIiwiSXNCb2xkIjpmYWxzZSwiSXNJdGFsaWMiOmZhbHNlLCJJc1VuZGVybGluZWQiOmZhbHNlLCJQYXJlbnRTdHlsZSI6bnVsbH0sIkF1dG9TaXplIjowLCJGb3JlZ3JvdW5kIjp7IiRpZCI6IjE1OCIsIkNvbG9yIjp7IiRpZCI6IjE1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ZmFsc2V9LFwiTGVmdEVuZENhcHNTdHlsZVwiOntcIiRpZFwiOlwiOVwiLFwiRm9udFNldHRpbmdzXCI6e1wiJGlkXCI6XCIxMFwiLFwiRm9udFNpemVcIjoxOCxcIkZvbnROYW1lXCI6XCJDb3JiZWxcIixcIklzQm9sZFwiOnRydWUsXCJJc0l0YWxpY1wiOmZhbHNlLFwiSXNVbmRlcmxpbmVkXCI6ZmFsc2V9LFwiRm9yZWdyb3VuZFwiOntcIiRpZFwiOlwiMTFcIixcIkNvbG9yXCI6e1wiJGlkXCI6XCIxMlwiLFwiQVwiOjI1NSxcIlJcIjoyMjYsXCJHXCI6MTM5LFwiQlwiOjg1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ZmFsc2V9LFwiU2NhbGVTdHlsZVwiOntcIiRpZFwiOlwiMjNcIixcIlNob3dTZWdtZW50U2VwYXJhdG9yc1wiOnRydWUsXCJTZWdtZW50U2VwYXJhdG9yT3BhY2l0eVwiOjMwLFwiU2hhcGVcIjowLFwiU2VnbWVudFRleHRTdHlsZVwiOntcIiRpZFwiOlwiMjRcIixcIkZvbnRTZXR0aW5nc1wiOntcIiRpZFwiOlwiMjVcIixcIkZvbnRTaXplXCI6MTIsXCJGb250TmFtZVwiOlwiQ29yYmVs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i4wLFwiUmlnaHRcIjoxMi4wLFwiQm90dG9tXCI6MC4wfSxcIlBhZGRpbmdcIjp7XCIkaWRcIjpcIjMwXCIsXCJUb3BcIjo3LjAsXCJMZWZ0XCI6MC4wLFwiUmlnaHRcIjowLjAsXCJCb3R0b21cIjo3LjB9LFwiQmFja2dyb3VuZFwiOntcIiRpZFwiOlwiMzFcIixcIkNvbG9yXCI6e1wiJGlkXCI6XCIzMlwiLFwiQVwiOjI1NSxcIlJcIjo5NCxcIkdcIjo5NCxcIkJcIjo5NH19LFwiSXNWaXNpYmxlXCI6dHJ1ZSxcIldpZHRoXCI6ODU4LjAsXCJIZWlnaHRcIjoz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zEsXCJHXCI6NzMsXCJCXCI6MTI1fX0sXCJJc1Zpc2libGVcIjpmYWxzZSxcIldpZHRoXCI6MC4wLFwiSGVpZ2h0XCI6MC4wLFwiQm9yZGVyU3R5bGVcIjpudWxsfSxcIlRhc2tTdHlsZVwiOntcIiRpZFwiOlwiNDRcIixcIlNoYXBlXCI6MCxcIlNoYXBlVGhpY2tuZXNzXCI6MSxcIkR1cmF0aW9uRm9ybWF0XCI6OS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b3JiZWxcIixcIklzQm9sZFwiOmZhbHNlLFwiSXNJdGFsaWNcIjpmYWxzZSxcIklzVW5kZXJsaW5lZFwiOmZhbHNlfSxcIkZvcmVncm91bmRcIjp7XCIkaWRcIjpcIjU0XCIsXCJDb2xvclwiOntcIiRpZFwiOlwiNTVcIixcIkFcIjoyNTUsXCJSXCI6MjU1LFwiR1wiOjI1NSxcIkJcIjoyNTV9fSxcIkhvcml6b250YWxBbGlnbm1lbnRcIjoxLFwiSXNWaXNpYmxlXCI6dHJ1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AsXCJFbmREYXRlUG9zaXRpb25cIjowLFwiVGl0bGVQb3NpdGlvblwiOjAsXCJEdXJhdGlvblBvc2l0aW9uXCI6MixcIlBlcmNlbnRhZ2VDb21wbGV0ZWRQb3NpdGlvblwiOjAsXCJTcGFjaW5nXCI6MyxcIklzQmVsb3dUaW1lYmFuZFwiOnRydW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xNzgsXCJHXCI6MTQsXCJCXCI6MTh9fSxcIklzVmlzaWJsZVwiOnRydWUsXCJXaWR0aFwiOjAuMCxcIkhlaWdodFwiOjE2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vcmJlbFwiLFwiSXNCb2xkXCI6ZmFsc2UsXCJJc0l0YWxpY1wiOmZhbHNlLFwiSXNVbmRlcmxpbmVkXCI6ZmFsc2V9LFwiRm9yZWdyb3VuZFwiOntcIiRpZFwiOlwiNzZcIixcIkNvbG9yXCI6e1wiJGlkXCI6XCI3N1wiLFwiQVwiOjI1NSxcIlJcIjowLFwiR1wiOjAsXCJCXCI6MH19LFwiSG9yaXpvbnRhbEFsaWdubWVudFwiOjA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wLFwiSXNWaXNpYmxlXCI6ZmFsc2V9LFwiRGF0ZUZvcm1hdFwiOntcIiRpZFwiOlwiODJcIixcIkZvcm1hdFN0cmluZ1wiOlwiTU1NIGRcIixcIlNlcGFyYXRvclwiOlwiL1wiLFwiVXNlSW50ZXJuYXRpb25hbERhdGVGb3JtYXRcIjpmYWxzZSxcIkRhdGVJc1Zpc2libGVcIjpmYWxz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0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NzgsXCJHXCI6MTQsXCJCXCI6MTh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xNCxcIlNoYXBlU2l6ZVwiOjEsXCJEZXRhaWxzU3BhY2luZ1wiOjE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c4LFwiR1wiOjE0LFwiQlwiOjE4fX0sXCJJc1Zpc2libGVcIjp0cnVlLFwiV2lkdGhcIjoxOC4wLFwiSGVpZ2h0XCI6MjA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3MDIxNmJiYy01ZmM0LTRlYzYtODNjMC01OWZjM2EwMDBkN2Z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xNzgsXCJHXCI6MTQsXCJCXCI6MTh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Tc4LFwiR1wiOjE0LFwiQlwiOjE4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xNzgsXCJHXCI6MTQsXCJCXCI6MTh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E3OCxcIkdcIjoxNCxcIkJcIjoxOH19LFwiSXNWaXNpYmxlXCI6dHJ1ZSxcIldpZHRoXCI6MTguMCxcIkhlaWdodFwiOjIw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ixcIkZvbnROYW1lXCI6XCJDb3JiZWxcIixcIklzQm9sZFwiOmZhbHNlLFwiSXNJdGFsaWNcIjpmYWxzZSxcIklzVW5kZXJsaW5lZFwiOmZhbHNlfSxcIkZvcmVncm91bmRcIjp7XCIkaWRcIjpcIjE4NlwiLFwiQ29sb3JcIjp7XCIkaWRcIjpcIjE4N1wiLFwiQVwiOjI1NSxcIlJcIjowLFwiR1wiOjAsXCJCXCI6MH19LFwiSG9yaXpvbnRhbEFsaWdubWVudFwiOjE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MjksXCJHXCI6MjYsXCJCXCI6Mjl9fSxcIkhvcml6b250YWxBbGlnbm1lbnRcIjowLFwiSXNWaXNpYmxlXCI6dHJ1ZX0sXCJEYXRlRm9ybWF0XCI6e1wiJGlkXCI6XCIxOTJcIixcIkZvcm1hdFN0cmluZ1wiOlwiTU1NIGRcIixcIlNlcGFyYXRvclwiOlwiL1wiLFwiVXNlSW50ZXJuYXRpb25hbERhdGVGb3JtYXRcIjpmYWxzZSxcIkRhdGVJc1Zpc2libGVcIjpmYWxzZSxcIlRpbWVJc1Zpc2libGVcIjp0cnV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CxcIlNoYXBlVGhpY2tuZXNzXCI6MSxcIkR1cmF0aW9uRm9ybWF0XCI6OS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TkyLFwiR1wiOjgwLFwiQlwiOjc3fX0sXCJIb3Jpem9udGFsQWxpZ25tZW50XCI6MCxcIklzVmlzaWJsZVwiOmZhbHN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NjQsXCJHXCI6NjQsXCJCXCI6NjR9fSxcIkhvcml6b250YWxBbGlnbm1lbnRcIjoxLFwiSXNWaXNpYmxlXCI6dHJ1ZX0sXCJNYXJnaW5cIjp7XCIkaWRcIjpcIjIwNlwiLFwiVG9wXCI6MC4wLFwiTGVmdFwiOjAuMCxcIlJpZ2h0XCI6MC4wLFwiQm90dG9tXCI6MC4wfSxcIlN0YXJ0RGF0ZVBvc2l0aW9uXCI6MCxcIkVuZERhdGVQb3NpdGlvblwiOjAsXCJUaXRsZVBvc2l0aW9uXCI6MCxcIkR1cmF0aW9uUG9zaXRpb25cIjoyLFwiUGVyY2VudGFnZUNvbXBsZXRlZFBvc2l0aW9uXCI6MC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xNzgsXCJHXCI6MTQsXCJCXCI6MTh9fSxcIklzVmlzaWJsZVwiOnRydWUsXCJXaWR0aFwiOjAuMCxcIkhlaWdodFwiOjE2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xMSxcIkZvbnROYW1lXCI6XCJDb3JiZWxcIixcIklzQm9sZFwiOmZhbHNlLFwiSXNJdGFsaWNcIjpmYWxzZSxcIklzVW5kZXJsaW5lZFwiOmZhbHNlfSxcIkZvcmVncm91bmRcIjp7XCIkaWRcIjpcIjIxOFwiLFwiQ29sb3JcIjp7XCIkaWRcIjpcIjIxOVwiLFwiQVwiOjI1NSxcIlJcIjowLFwiR1wiOjAsXCJCXCI6MH19LFwiSG9yaXpvbnRhbEFsaWdubWVudFwiOjA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mZhbHNlfSxcIkRhdGVGb3JtYXRcIjp7XCIkaWRcIjpcIjIyNFwiLFwiRm9ybWF0U3RyaW5nXCI6XCJNTU0gZFwiLFwiU2VwYXJhdG9yXCI6XCIvXCIsXCJVc2VJbnRlcm5hdGlvbmFsRGF0ZUZvcm1hdFwiOmZhbHNlLFwiRGF0ZUlzVmlzaWJsZVwiOmZhbHN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wLFwiU2hhcGVTaXplXCI6MSxcIkRldGFpbHNTcGFjaW5nXCI6MS4wLFwiUGFkZGluZ1wiOntcIiRpZFwiOlwiMjI3XCIsXCJUb3BcIjo3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xNzgsXCJHXCI6MTQsXCJCXCI6MTh9fSxcIklzVmlzaWJsZVwiOnRydWUsXCJXaWR0aFwiOjE4LjAsXCJIZWlnaHRcIjoyMC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IsXCJGb250TmFtZVwiOlwiQ29yYmVs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I5LFwiR1wiOjI2LFwiQlwiOjI5fX0sXCJIb3Jpem9udGFsQWxpZ25tZW50XCI6MCxcIklzVmlzaWJsZVwiOnRydWV9LFwiRGF0ZUZvcm1hdFwiOntcIiRpZFwiOlwiMjQ1XCIsXCJGb3JtYXRTdHJpbmdcIjpcIk1NTSBkXCIsXCJTZXBhcmF0b3JcIjpcIi9cIixcIlVzZUludGVybmF0aW9uYWxEYXRlRm9ybWF0XCI6ZmFsc2UsXCJEYXRlSXNWaXNpYmxlXCI6ZmFsc2UsXCJUaW1lSXNWaXNpYmxlXCI6dHJ1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2OCxcIkdcIjoxMTQsXCJCXCI6MTk2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E1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E2LFwiU3BhY2luZ0JlbG93VGltZWJhbmRcIjoxNixcIlNwYWNpbmdBYm92ZUJldHdlZW5Td2ltbGFuZXNBbmRUYXNrc1wiOjE2LFwiU3BhY2luZ0JlbG93QmV0d2VlblN3aW1sYW5lc0FuZFRhc2tzXCI6MTZ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jU1LFwiR1wiOjI1NSxcIkJcIjoyNTV9LFwiQWNjZW50MlwiOntcIiRpZFwiOlwiMjc2XCIsXCJBXCI6MjU1LFwiUlwiOjk0LFwiR1wiOjk0LFwiQlwiOjk0fSxcIkFjY2VudDNcIjp7XCIkaWRcIjpcIjI3N1wiLFwiQVwiOjI1NSxcIlJcIjoxNzgsXCJHXCI6MTQsXCJCXCI6MTh9LFwiQWNjZW50NFwiOntcIiRpZFwiOlwiMjc4XCIsXCJBXCI6MjU1LFwiUlwiOjIzMyxcIkdcIjoxMTMsXCJCXCI6NTB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J9LCJTZXR0aW5ncyI6eyIkaWQiOiIxMDcyIiwiSW1wYU9wdGlvbnMiOnsiJGlkIjoiMTA3M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wNzQiLCJVc2VUaW1lIjp0cnVlLCJXb3JrRGF5U3RhcnQiOiIwMDowMDowMCIsIldvcmtEYXlFbmQiOiIyMzo1OTowMCJ9LCJMYXN0VXNlZFRlbXBsYXRlSWQiOiI3YTBmOGQ3ZS02NWY1LTQzNTMtOGQ3Zi03OGZmMTJmZWUwMDciLCJMYXN0VXNlZFRoZW1lRGV0YWlscyI6eyIkaWQiOiIxMDc1IiwiSWQiOiIzZGY5MDA1ZC1kMzgzLTQwYTItOWY4MC02YmY2MDQ2Mjk3MDUiLCJUaXRsZSI6IlVudGl0bGVkIHRoZW1lIiwiQ2F0ZWdvcnkiOjJ9LCJGaXJzdFdlZWtPZlllYXIiOjAsIlBsYWNlTWlsZXN0b25lQXRUaGVCZWdpbm5pbmdPZlRoZURheSI6ZmFsc2UsIkRlcGVuZGVuY3lTY2hlZHVsaW5nU2V0dGluZ3MiOnsiJGlkIjoiMTA3Ni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19-03-06T08:00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d"/>
  <p:tag name="OTLTIMEBANDSCALETYPE" val="Hours"/>
  <p:tag name="OTLTIMEBANDSHAPETYPE" val="RectangleTimeband"/>
  <p:tag name="OTLTIMEBANDSHAPEHEIGHT" val="30"/>
  <p:tag name="OTLTIMEBANDSHAPEPADDINGLEFT" val="0"/>
  <p:tag name="OTLTIMEBANDENDDATE" val="2025-03-06T10:00:00.000000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Custom"/>
  <p:tag name="OTLWEEKNUMBERINGFORMAT" val="WNFormat1"/>
  <p:tag name="OTLWEEKNUMBERINGISVISIBLE" val="False"/>
  <p:tag name="OTLSTARTDATE" val="2025-03-06T08:00:00.0000000Z"/>
  <p:tag name="OTLENDDATE" val="2025-03-06T08:09:00.0000000Z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5-03-06T08:19:00.0000000Z"/>
  <p:tag name="OTLENDDATE" val="2025-03-06T08:29:00.0000000Z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10"/>
  <p:tag name="OTLSHAPETHICKNESSTYPE" val="Custom"/>
  <p:tag name="OTLWEEKNUMBERINGFORMAT" val="WNFormat1"/>
  <p:tag name="OTLWEEKNUMBERINGISVISIBLE" val="False"/>
  <p:tag name="OTLSTARTDATE" val="2025-03-06T08:29:00.0000000Z"/>
  <p:tag name="OTLENDDATE" val="2025-03-06T08:40:00.0000000Z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Thick"/>
  <p:tag name="OTLWEEKNUMBERINGFORMAT" val="WNFormat1"/>
  <p:tag name="OTLWEEKNUMBERINGISVISIBLE" val="False"/>
  <p:tag name="OTLSTARTDATE" val="2025-03-06T08:00:00.0000000Z"/>
  <p:tag name="OTLENDDATE" val="2025-03-06T08:40:00.0000000Z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Thick"/>
  <p:tag name="OTLWEEKNUMBERINGFORMAT" val="WNFormat1"/>
  <p:tag name="OTLWEEKNUMBERINGISVISIBLE" val="False"/>
  <p:tag name="OTLSTARTDATE" val="2025-03-06T08:40:00.0000000Z"/>
  <p:tag name="OTLENDDATE" val="2025-03-06T09:15:00.0000000Z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Regular"/>
  <p:tag name="OTLWEEKNUMBERINGFORMAT" val="WNFormat1"/>
  <p:tag name="OTLWEEKNUMBERINGISVISIBLE" val="False"/>
  <p:tag name="OTLSTARTDATE" val="2025-03-06T09:15:00.0000000Z"/>
  <p:tag name="OTLENDDATE" val="2025-03-06T10:00:00.0000000Z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Regular"/>
  <p:tag name="OTLWEEKNUMBERINGFORMAT" val="WNFormat1"/>
  <p:tag name="OTLWEEKNUMBERINGISVISIBLE" val="False"/>
  <p:tag name="OTLSTARTDATE" val="2025-03-06T08:09:00.0000000Z"/>
  <p:tag name="OTLENDDATE" val="2025-03-06T08:19:00.0000000Z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cident Occurs"/>
  <p:tag name="OTLPOSITIONONTASK" val="None"/>
  <p:tag name="OTLRELATEDTASKID" val="00000000-0000-0000-0000-000000000000"/>
  <p:tag name="OTLWEEKNUMBERINGFORMAT" val="WNFormat1"/>
  <p:tag name="OTLWEEKNUMBERINGISVISIBLE" val="False"/>
  <p:tag name="OTLDATE" val="2025-03-06T08:00:00.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Operations Resume"/>
  <p:tag name="OTLPOSITIONONTASK" val="None"/>
  <p:tag name="OTLRELATEDTASKID" val="00000000-0000-0000-0000-000000000000"/>
  <p:tag name="OTLWEEKNUMBERINGFORMAT" val="WNFormat1"/>
  <p:tag name="OTLWEEKNUMBERINGISVISIBLE" val="False"/>
  <p:tag name="OTLDATE" val="2025-03-06T09:15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cident Report"/>
  <p:tag name="OTLPOSITIONONTASK" val="None"/>
  <p:tag name="OTLRELATEDTASKID" val="00000000-0000-0000-0000-000000000000"/>
  <p:tag name="OTLWEEKNUMBERINGFORMAT" val="WNFormat1"/>
  <p:tag name="OTLWEEKNUMBERINGISVISIBLE" val="False"/>
  <p:tag name="OTLDATE" val="2025-03-06T08:09:00.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Response Identified &amp; Dispatched"/>
  <p:tag name="OTLPOSITIONONTASK" val="None"/>
  <p:tag name="OTLRELATEDTASKID" val="00000000-0000-0000-0000-000000000000"/>
  <p:tag name="OTLWEEKNUMBERINGFORMAT" val="WNFormat1"/>
  <p:tag name="OTLWEEKNUMBERINGISVISIBLE" val="False"/>
  <p:tag name="OTLDATE" val="2025-03-06T08:19:00.000000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cident Verified"/>
  <p:tag name="OTLPOSITIONONTASK" val="None"/>
  <p:tag name="OTLRELATEDTASKID" val="00000000-0000-0000-0000-000000000000"/>
  <p:tag name="OTLWEEKNUMBERINGFORMAT" val="WNFormat1"/>
  <p:tag name="OTLWEEKNUMBERINGISVISIBLE" val="False"/>
  <p:tag name="OTLDATE" val="2025-03-06T08:15:00.000000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Response Arrives"/>
  <p:tag name="OTLPOSITIONONTASK" val="None"/>
  <p:tag name="OTLRELATEDTASKID" val="00000000-0000-0000-0000-000000000000"/>
  <p:tag name="OTLWEEKNUMBERINGFORMAT" val="WNFormat1"/>
  <p:tag name="OTLWEEKNUMBERINGISVISIBLE" val="False"/>
  <p:tag name="OTLDATE" val="2025-03-06T08:29:00.0000000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cident Cleared"/>
  <p:tag name="OTLPOSITIONONTASK" val="None"/>
  <p:tag name="OTLRELATEDTASKID" val="00000000-0000-0000-0000-000000000000"/>
  <p:tag name="OTLWEEKNUMBERINGFORMAT" val="WNFormat1"/>
  <p:tag name="OTLWEEKNUMBERINGISVISIBLE" val="False"/>
  <p:tag name="OTLDATE" val="2025-03-06T08:40:00.000000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Health check"/>
  <p:tag name="OTLPOSITIONONTASK" val="None"/>
  <p:tag name="OTLRELATEDTASKID" val="00000000-0000-0000-0000-000000000000"/>
  <p:tag name="OTLWEEKNUMBERINGFORMAT" val="WNFormat1"/>
  <p:tag name="OTLWEEKNUMBERINGISVISIBLE" val="False"/>
  <p:tag name="OTLDATE" val="2025-03-06T09:38:00.000000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Health check"/>
  <p:tag name="OTLPOSITIONONTASK" val="None"/>
  <p:tag name="OTLRELATEDTASKID" val="00000000-0000-0000-0000-000000000000"/>
  <p:tag name="OTLWEEKNUMBERINGFORMAT" val="WNFormat1"/>
  <p:tag name="OTLWEEKNUMBERINGISVISIBLE" val="False"/>
  <p:tag name="OTLDATE" val="2025-03-06T10:00:00.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Marquee">
    <a:dk1>
      <a:srgbClr val="000000"/>
    </a:dk1>
    <a:lt1>
      <a:sysClr val="window" lastClr="FFFFFF"/>
    </a:lt1>
    <a:dk2>
      <a:srgbClr val="5E5E5E"/>
    </a:dk2>
    <a:lt2>
      <a:srgbClr val="DDDDDD"/>
    </a:lt2>
    <a:accent1>
      <a:srgbClr val="418AB3"/>
    </a:accent1>
    <a:accent2>
      <a:srgbClr val="A6B727"/>
    </a:accent2>
    <a:accent3>
      <a:srgbClr val="F69200"/>
    </a:accent3>
    <a:accent4>
      <a:srgbClr val="838383"/>
    </a:accent4>
    <a:accent5>
      <a:srgbClr val="FEC306"/>
    </a:accent5>
    <a:accent6>
      <a:srgbClr val="DF5327"/>
    </a:accent6>
    <a:hlink>
      <a:srgbClr val="F59E00"/>
    </a:hlink>
    <a:folHlink>
      <a:srgbClr val="B2B2B2"/>
    </a:folHlink>
  </a:clr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57</Words>
  <Application>Microsoft Office PowerPoint</Application>
  <PresentationFormat>Widescreen</PresentationFormat>
  <Paragraphs>3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Corbel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4-16T08:17:18Z</dcterms:created>
  <dcterms:modified xsi:type="dcterms:W3CDTF">2024-10-14T11:20:04Z</dcterms:modified>
</cp:coreProperties>
</file>